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050\group\参画推進課\4_参画推進事業\09_女性の活躍応援団支援事業\06_女性の活躍応援団支援事業（その他広報）\2月_応援団公式サイト縮小＆メンバーズサイト作成\リンク\"/>
    </mc:Choice>
  </mc:AlternateContent>
  <bookViews>
    <workbookView xWindow="0" yWindow="0" windowWidth="17256" windowHeight="5748"/>
  </bookViews>
  <sheets>
    <sheet name="退会届" sheetId="4" r:id="rId1"/>
  </sheets>
  <definedNames>
    <definedName name="_xlnm.Print_Area" localSheetId="0">退会届!$A$1:$D$1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" uniqueCount="11">
  <si>
    <t>所在地</t>
    <rPh sb="0" eb="3">
      <t>ショザイチ</t>
    </rPh>
    <phoneticPr fontId="2"/>
  </si>
  <si>
    <t>部署名</t>
    <rPh sb="0" eb="2">
      <t>ブショ</t>
    </rPh>
    <rPh sb="2" eb="3">
      <t>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氏名（フリガナ）</t>
    <rPh sb="0" eb="2">
      <t>シメイ</t>
    </rPh>
    <phoneticPr fontId="2"/>
  </si>
  <si>
    <t>企業・団体名</t>
    <rPh sb="0" eb="2">
      <t>キギョウ</t>
    </rPh>
    <rPh sb="3" eb="5">
      <t>ダンタイ</t>
    </rPh>
    <rPh sb="5" eb="6">
      <t>メイ</t>
    </rPh>
    <phoneticPr fontId="2"/>
  </si>
  <si>
    <t>窓口担当者</t>
    <phoneticPr fontId="2"/>
  </si>
  <si>
    <t>下記項目を御記入の上、かなテラス（神奈川県立かながわ男女共同参画センター）に送付してください。</t>
    <rPh sb="5" eb="6">
      <t>ゴ</t>
    </rPh>
    <phoneticPr fontId="2"/>
  </si>
  <si>
    <r>
      <t>&lt;理由&gt;</t>
    </r>
    <r>
      <rPr>
        <sz val="10"/>
        <color theme="1"/>
        <rFont val="ＭＳ Ｐゴシック"/>
        <family val="3"/>
        <charset val="128"/>
      </rPr>
      <t xml:space="preserve"> 差し支えなければ御記入ください。</t>
    </r>
    <rPh sb="1" eb="3">
      <t>リユウ</t>
    </rPh>
    <rPh sb="5" eb="6">
      <t>サ</t>
    </rPh>
    <rPh sb="7" eb="8">
      <t>ツカ</t>
    </rPh>
    <rPh sb="13" eb="16">
      <t>ゴキニュウ</t>
    </rPh>
    <phoneticPr fontId="2"/>
  </si>
  <si>
    <r>
      <t>Ｄ＆Ｉかながわメンバーズ 登録取消届出書 　</t>
    </r>
    <r>
      <rPr>
        <sz val="12"/>
        <color theme="1"/>
        <rFont val="ＭＳ Ｐゴシック"/>
        <family val="3"/>
        <charset val="128"/>
      </rPr>
      <t>（様式４）</t>
    </r>
    <rPh sb="13" eb="15">
      <t>トウロク</t>
    </rPh>
    <rPh sb="15" eb="17">
      <t>トリケシ</t>
    </rPh>
    <rPh sb="17" eb="20">
      <t>トドケデショ</t>
    </rPh>
    <rPh sb="23" eb="25">
      <t>ヨウシ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1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4" xfId="0" applyFont="1" applyBorder="1" applyAlignment="1">
      <alignment vertical="center" wrapText="1"/>
    </xf>
    <xf numFmtId="0" fontId="1" fillId="0" borderId="2" xfId="0" applyFont="1" applyBorder="1" applyAlignment="1">
      <alignment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3" xfId="0" applyFont="1" applyBorder="1" applyAlignment="1">
      <alignment vertical="center" wrapText="1"/>
    </xf>
    <xf numFmtId="0" fontId="1" fillId="0" borderId="5" xfId="0" applyFont="1" applyBorder="1" applyAlignment="1">
      <alignment vertical="center" wrapText="1"/>
    </xf>
    <xf numFmtId="0" fontId="1" fillId="0" borderId="0" xfId="0" applyFont="1" applyBorder="1" applyAlignment="1">
      <alignment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6" xfId="0" applyFont="1" applyBorder="1" applyAlignment="1">
      <alignment vertical="center" wrapText="1"/>
    </xf>
    <xf numFmtId="0" fontId="1" fillId="0" borderId="0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6"/>
  <sheetViews>
    <sheetView tabSelected="1" view="pageBreakPreview" zoomScale="130" zoomScaleNormal="100" zoomScaleSheetLayoutView="130" workbookViewId="0">
      <selection activeCell="H8" sqref="H8"/>
    </sheetView>
  </sheetViews>
  <sheetFormatPr defaultColWidth="8.796875" defaultRowHeight="22.2" customHeight="1" x14ac:dyDescent="0.2"/>
  <cols>
    <col min="1" max="1" width="0.8984375" style="1" customWidth="1"/>
    <col min="2" max="2" width="13.69921875" style="2" customWidth="1"/>
    <col min="3" max="3" width="49.8984375" style="1" customWidth="1"/>
    <col min="4" max="4" width="2.796875" style="1" customWidth="1"/>
    <col min="5" max="16384" width="8.796875" style="1"/>
  </cols>
  <sheetData>
    <row r="1" spans="2:4" ht="22.2" customHeight="1" x14ac:dyDescent="0.2">
      <c r="B1" s="18" t="s">
        <v>10</v>
      </c>
      <c r="C1" s="18"/>
    </row>
    <row r="2" spans="2:4" ht="16.2" customHeight="1" x14ac:dyDescent="0.2">
      <c r="B2" s="5"/>
      <c r="C2" s="5"/>
    </row>
    <row r="3" spans="2:4" ht="30" customHeight="1" x14ac:dyDescent="0.2">
      <c r="B3" s="19" t="s">
        <v>8</v>
      </c>
      <c r="C3" s="19"/>
    </row>
    <row r="4" spans="2:4" ht="10.8" customHeight="1" x14ac:dyDescent="0.2"/>
    <row r="5" spans="2:4" ht="18.600000000000001" customHeight="1" x14ac:dyDescent="0.2">
      <c r="B5" s="6" t="s">
        <v>6</v>
      </c>
      <c r="C5" s="3"/>
    </row>
    <row r="6" spans="2:4" ht="18.600000000000001" customHeight="1" x14ac:dyDescent="0.2">
      <c r="B6" s="14"/>
      <c r="C6" s="12"/>
      <c r="D6" s="13"/>
    </row>
    <row r="7" spans="2:4" ht="18.600000000000001" customHeight="1" x14ac:dyDescent="0.2">
      <c r="B7" s="15" t="s">
        <v>7</v>
      </c>
      <c r="C7" s="16"/>
      <c r="D7" s="13"/>
    </row>
    <row r="8" spans="2:4" ht="18.600000000000001" customHeight="1" x14ac:dyDescent="0.2">
      <c r="B8" s="10" t="s">
        <v>1</v>
      </c>
      <c r="C8" s="11"/>
    </row>
    <row r="9" spans="2:4" ht="18.600000000000001" customHeight="1" x14ac:dyDescent="0.2">
      <c r="B9" s="7" t="s">
        <v>0</v>
      </c>
      <c r="C9" s="8"/>
    </row>
    <row r="10" spans="2:4" ht="18.600000000000001" customHeight="1" x14ac:dyDescent="0.2">
      <c r="B10" s="7" t="s">
        <v>4</v>
      </c>
      <c r="C10" s="8"/>
    </row>
    <row r="11" spans="2:4" ht="18.600000000000001" customHeight="1" x14ac:dyDescent="0.2">
      <c r="B11" s="7" t="s">
        <v>5</v>
      </c>
      <c r="C11" s="8"/>
    </row>
    <row r="12" spans="2:4" ht="18.600000000000001" customHeight="1" x14ac:dyDescent="0.2">
      <c r="B12" s="7" t="s">
        <v>2</v>
      </c>
      <c r="C12" s="8"/>
    </row>
    <row r="13" spans="2:4" ht="18.600000000000001" customHeight="1" x14ac:dyDescent="0.2">
      <c r="B13" s="4" t="s">
        <v>3</v>
      </c>
      <c r="C13" s="9"/>
    </row>
    <row r="14" spans="2:4" ht="18.600000000000001" customHeight="1" thickBot="1" x14ac:dyDescent="0.25">
      <c r="B14" s="17"/>
      <c r="C14" s="13"/>
    </row>
    <row r="15" spans="2:4" ht="19.2" customHeight="1" x14ac:dyDescent="0.2">
      <c r="B15" s="20" t="s">
        <v>9</v>
      </c>
      <c r="C15" s="21"/>
    </row>
    <row r="16" spans="2:4" ht="115.2" customHeight="1" thickBot="1" x14ac:dyDescent="0.25">
      <c r="B16" s="22"/>
      <c r="C16" s="23"/>
    </row>
  </sheetData>
  <mergeCells count="4">
    <mergeCell ref="B1:C1"/>
    <mergeCell ref="B3:C3"/>
    <mergeCell ref="B15:C15"/>
    <mergeCell ref="B16:C16"/>
  </mergeCells>
  <phoneticPr fontId="2"/>
  <printOptions horizontalCentered="1"/>
  <pageMargins left="0.70866141732283472" right="0.70866141732283472" top="0.55118110236220474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会届</vt:lpstr>
      <vt:lpstr>退会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2-04T07:20:50Z</cp:lastPrinted>
  <dcterms:created xsi:type="dcterms:W3CDTF">2023-03-27T12:54:58Z</dcterms:created>
  <dcterms:modified xsi:type="dcterms:W3CDTF">2024-02-04T07:20:52Z</dcterms:modified>
</cp:coreProperties>
</file>